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-75" yWindow="-165" windowWidth="8430" windowHeight="8235"/>
  </bookViews>
  <sheets>
    <sheet name="5(1)" sheetId="4" r:id="rId1"/>
  </sheets>
  <definedNames>
    <definedName name="_xlnm.Print_Area" localSheetId="0">'5(1)'!$A$1:$P$19</definedName>
  </definedNames>
  <calcPr calcId="162913"/>
</workbook>
</file>

<file path=xl/sharedStrings.xml><?xml version="1.0" encoding="utf-8"?>
<sst xmlns="http://schemas.openxmlformats.org/spreadsheetml/2006/main" count="76" uniqueCount="23">
  <si>
    <t>無立木地</t>
    <rPh sb="0" eb="4">
      <t>ムリュウボクチ</t>
    </rPh>
    <phoneticPr fontId="2"/>
  </si>
  <si>
    <t>育成単層林</t>
    <rPh sb="0" eb="2">
      <t>イクセイ</t>
    </rPh>
    <rPh sb="2" eb="5">
      <t>タンソウリン</t>
    </rPh>
    <phoneticPr fontId="2"/>
  </si>
  <si>
    <t>育成複層林</t>
    <rPh sb="0" eb="2">
      <t>イクセイ</t>
    </rPh>
    <rPh sb="2" eb="5">
      <t>フクソウリン</t>
    </rPh>
    <phoneticPr fontId="2"/>
  </si>
  <si>
    <t>天然生林</t>
    <rPh sb="0" eb="4">
      <t>テンネンセイリン</t>
    </rPh>
    <phoneticPr fontId="2"/>
  </si>
  <si>
    <t>伐採跡地</t>
    <rPh sb="0" eb="2">
      <t>バッサイ</t>
    </rPh>
    <rPh sb="2" eb="4">
      <t>アトチ</t>
    </rPh>
    <phoneticPr fontId="2"/>
  </si>
  <si>
    <t>計</t>
    <rPh sb="0" eb="1">
      <t>ケイ</t>
    </rPh>
    <phoneticPr fontId="2"/>
  </si>
  <si>
    <t>国有官行別</t>
    <rPh sb="0" eb="2">
      <t>コクユウ</t>
    </rPh>
    <rPh sb="2" eb="4">
      <t>カンコウ</t>
    </rPh>
    <rPh sb="4" eb="5">
      <t>ベツ</t>
    </rPh>
    <phoneticPr fontId="2"/>
  </si>
  <si>
    <t>江の川下流</t>
    <rPh sb="0" eb="3">
      <t>ゴウノカワ</t>
    </rPh>
    <rPh sb="3" eb="5">
      <t>カリュウ</t>
    </rPh>
    <phoneticPr fontId="2"/>
  </si>
  <si>
    <t>県　　　計</t>
    <rPh sb="0" eb="1">
      <t>ケン</t>
    </rPh>
    <rPh sb="4" eb="5">
      <t>ケイ</t>
    </rPh>
    <phoneticPr fontId="2"/>
  </si>
  <si>
    <t>計画区</t>
    <rPh sb="0" eb="1">
      <t>ケイ</t>
    </rPh>
    <rPh sb="1" eb="2">
      <t>ガ</t>
    </rPh>
    <rPh sb="2" eb="3">
      <t>ク</t>
    </rPh>
    <phoneticPr fontId="2"/>
  </si>
  <si>
    <t>面積計</t>
    <rPh sb="0" eb="1">
      <t>メン</t>
    </rPh>
    <rPh sb="1" eb="2">
      <t>セキ</t>
    </rPh>
    <rPh sb="2" eb="3">
      <t>ケイ</t>
    </rPh>
    <phoneticPr fontId="2"/>
  </si>
  <si>
    <t>国有林</t>
    <rPh sb="0" eb="1">
      <t>クニ</t>
    </rPh>
    <rPh sb="1" eb="2">
      <t>ユウ</t>
    </rPh>
    <rPh sb="2" eb="3">
      <t>リン</t>
    </rPh>
    <phoneticPr fontId="2"/>
  </si>
  <si>
    <t>官行造林</t>
    <rPh sb="0" eb="1">
      <t>カン</t>
    </rPh>
    <rPh sb="1" eb="2">
      <t>コウ</t>
    </rPh>
    <rPh sb="2" eb="4">
      <t>ゾウリン</t>
    </rPh>
    <phoneticPr fontId="2"/>
  </si>
  <si>
    <t>斐伊川</t>
    <rPh sb="0" eb="1">
      <t>アヤ</t>
    </rPh>
    <rPh sb="1" eb="2">
      <t>イ</t>
    </rPh>
    <rPh sb="2" eb="3">
      <t>カワ</t>
    </rPh>
    <phoneticPr fontId="2"/>
  </si>
  <si>
    <t>斐伊川</t>
    <rPh sb="0" eb="3">
      <t>ヒイカワ</t>
    </rPh>
    <phoneticPr fontId="2"/>
  </si>
  <si>
    <t>隠岐</t>
    <rPh sb="0" eb="1">
      <t>イン</t>
    </rPh>
    <rPh sb="1" eb="2">
      <t>チマタ</t>
    </rPh>
    <phoneticPr fontId="2"/>
  </si>
  <si>
    <t>隠岐</t>
    <rPh sb="0" eb="2">
      <t>オキ</t>
    </rPh>
    <phoneticPr fontId="2"/>
  </si>
  <si>
    <t>高津川</t>
    <rPh sb="0" eb="1">
      <t>タカ</t>
    </rPh>
    <rPh sb="1" eb="2">
      <t>ツ</t>
    </rPh>
    <rPh sb="2" eb="3">
      <t>カワ</t>
    </rPh>
    <phoneticPr fontId="2"/>
  </si>
  <si>
    <t>人工林</t>
    <rPh sb="0" eb="1">
      <t>ヒト</t>
    </rPh>
    <rPh sb="1" eb="2">
      <t>タクミ</t>
    </rPh>
    <rPh sb="2" eb="3">
      <t>ハヤシ</t>
    </rPh>
    <phoneticPr fontId="2"/>
  </si>
  <si>
    <t>面積</t>
    <rPh sb="0" eb="1">
      <t>メン</t>
    </rPh>
    <rPh sb="1" eb="2">
      <t>セキ</t>
    </rPh>
    <phoneticPr fontId="2"/>
  </si>
  <si>
    <t>蓄積</t>
    <rPh sb="0" eb="1">
      <t>チク</t>
    </rPh>
    <rPh sb="1" eb="2">
      <t>セキ</t>
    </rPh>
    <phoneticPr fontId="2"/>
  </si>
  <si>
    <t>天然林</t>
    <rPh sb="0" eb="1">
      <t>テン</t>
    </rPh>
    <rPh sb="1" eb="2">
      <t>ゼン</t>
    </rPh>
    <rPh sb="2" eb="3">
      <t>ハヤシ</t>
    </rPh>
    <phoneticPr fontId="2"/>
  </si>
  <si>
    <t>林地以外の 土地</t>
    <rPh sb="0" eb="2">
      <t>リンチ</t>
    </rPh>
    <rPh sb="2" eb="4">
      <t>イガイ</t>
    </rPh>
    <rPh sb="6" eb="7">
      <t>ツチ</t>
    </rPh>
    <rPh sb="7" eb="8">
      <t>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81" formatCode="0_ 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b/>
      <sz val="9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6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41" fontId="3" fillId="0" borderId="0" xfId="0" applyNumberFormat="1" applyFont="1" applyAlignment="1">
      <alignment vertical="center"/>
    </xf>
    <xf numFmtId="41" fontId="4" fillId="0" borderId="0" xfId="0" applyNumberFormat="1" applyFont="1" applyAlignment="1">
      <alignment vertical="center"/>
    </xf>
    <xf numFmtId="41" fontId="5" fillId="0" borderId="1" xfId="0" applyNumberFormat="1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41" fontId="5" fillId="0" borderId="3" xfId="1" applyNumberFormat="1" applyFont="1" applyBorder="1" applyAlignment="1">
      <alignment vertical="center"/>
    </xf>
    <xf numFmtId="41" fontId="5" fillId="0" borderId="2" xfId="1" applyNumberFormat="1" applyFont="1" applyBorder="1" applyAlignment="1">
      <alignment vertical="center"/>
    </xf>
    <xf numFmtId="0" fontId="5" fillId="0" borderId="4" xfId="0" applyFont="1" applyBorder="1" applyAlignment="1">
      <alignment horizontal="center" vertical="center"/>
    </xf>
    <xf numFmtId="41" fontId="5" fillId="0" borderId="4" xfId="1" applyNumberFormat="1" applyFont="1" applyBorder="1" applyAlignment="1">
      <alignment vertical="center"/>
    </xf>
    <xf numFmtId="41" fontId="5" fillId="0" borderId="0" xfId="0" applyNumberFormat="1" applyFont="1" applyAlignment="1">
      <alignment horizontal="right" vertical="center"/>
    </xf>
    <xf numFmtId="0" fontId="5" fillId="0" borderId="3" xfId="0" applyFont="1" applyBorder="1" applyAlignment="1">
      <alignment vertical="center"/>
    </xf>
    <xf numFmtId="0" fontId="5" fillId="0" borderId="2" xfId="0" applyFont="1" applyBorder="1" applyAlignment="1">
      <alignment vertical="center"/>
    </xf>
    <xf numFmtId="0" fontId="5" fillId="0" borderId="4" xfId="0" applyFont="1" applyBorder="1" applyAlignment="1">
      <alignment vertical="center"/>
    </xf>
    <xf numFmtId="41" fontId="5" fillId="0" borderId="3" xfId="0" applyNumberFormat="1" applyFont="1" applyBorder="1" applyAlignment="1">
      <alignment vertical="center"/>
    </xf>
    <xf numFmtId="41" fontId="5" fillId="0" borderId="2" xfId="0" applyNumberFormat="1" applyFont="1" applyBorder="1" applyAlignment="1">
      <alignment vertical="center"/>
    </xf>
    <xf numFmtId="41" fontId="5" fillId="0" borderId="4" xfId="0" applyNumberFormat="1" applyFont="1" applyBorder="1" applyAlignment="1">
      <alignment vertical="center"/>
    </xf>
    <xf numFmtId="41" fontId="5" fillId="0" borderId="5" xfId="0" applyNumberFormat="1" applyFont="1" applyBorder="1" applyAlignment="1">
      <alignment vertical="center"/>
    </xf>
    <xf numFmtId="181" fontId="5" fillId="0" borderId="3" xfId="1" applyNumberFormat="1" applyFont="1" applyBorder="1" applyAlignment="1">
      <alignment vertical="center"/>
    </xf>
    <xf numFmtId="181" fontId="5" fillId="0" borderId="2" xfId="1" applyNumberFormat="1" applyFont="1" applyBorder="1" applyAlignment="1">
      <alignment vertical="center"/>
    </xf>
    <xf numFmtId="181" fontId="5" fillId="0" borderId="4" xfId="1" applyNumberFormat="1" applyFont="1" applyBorder="1" applyAlignment="1">
      <alignment vertical="center"/>
    </xf>
    <xf numFmtId="41" fontId="5" fillId="0" borderId="3" xfId="0" applyNumberFormat="1" applyFont="1" applyBorder="1" applyAlignment="1">
      <alignment vertical="center" wrapText="1"/>
    </xf>
    <xf numFmtId="0" fontId="5" fillId="0" borderId="3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P42"/>
  <sheetViews>
    <sheetView tabSelected="1" view="pageBreakPreview" zoomScaleNormal="100" zoomScaleSheetLayoutView="100" workbookViewId="0"/>
  </sheetViews>
  <sheetFormatPr defaultRowHeight="11.25" x14ac:dyDescent="0.15"/>
  <cols>
    <col min="1" max="2" width="10.625" style="1" customWidth="1"/>
    <col min="3" max="4" width="10.625" style="3" customWidth="1"/>
    <col min="5" max="5" width="11.875" style="3" customWidth="1"/>
    <col min="6" max="6" width="10.625" style="3" customWidth="1"/>
    <col min="7" max="7" width="11.875" style="3" customWidth="1"/>
    <col min="8" max="9" width="10.625" style="3" customWidth="1"/>
    <col min="10" max="10" width="11.875" style="3" customWidth="1"/>
    <col min="11" max="12" width="10.625" style="3" customWidth="1"/>
    <col min="13" max="13" width="11.875" style="3" customWidth="1"/>
    <col min="14" max="16" width="10.625" style="3" customWidth="1"/>
    <col min="17" max="16384" width="9" style="1"/>
  </cols>
  <sheetData>
    <row r="1" spans="1:16" ht="12" x14ac:dyDescent="0.15">
      <c r="B1" s="2"/>
      <c r="C1" s="4"/>
      <c r="P1" s="11"/>
    </row>
    <row r="2" spans="1:16" ht="20.100000000000001" customHeight="1" x14ac:dyDescent="0.15">
      <c r="A2" s="12" t="s">
        <v>9</v>
      </c>
      <c r="B2" s="12" t="s">
        <v>6</v>
      </c>
      <c r="C2" s="15" t="s">
        <v>10</v>
      </c>
      <c r="D2" s="18" t="s">
        <v>18</v>
      </c>
      <c r="E2" s="18" t="s">
        <v>18</v>
      </c>
      <c r="F2" s="18" t="s">
        <v>18</v>
      </c>
      <c r="G2" s="18" t="s">
        <v>18</v>
      </c>
      <c r="H2" s="18" t="s">
        <v>21</v>
      </c>
      <c r="I2" s="18" t="s">
        <v>21</v>
      </c>
      <c r="J2" s="18" t="s">
        <v>21</v>
      </c>
      <c r="K2" s="18" t="s">
        <v>21</v>
      </c>
      <c r="L2" s="18" t="s">
        <v>21</v>
      </c>
      <c r="M2" s="18" t="s">
        <v>21</v>
      </c>
      <c r="N2" s="18" t="s">
        <v>0</v>
      </c>
      <c r="O2" s="18" t="s">
        <v>0</v>
      </c>
      <c r="P2" s="18" t="s">
        <v>0</v>
      </c>
    </row>
    <row r="3" spans="1:16" ht="20.100000000000001" customHeight="1" x14ac:dyDescent="0.15">
      <c r="A3" s="13" t="s">
        <v>9</v>
      </c>
      <c r="B3" s="13" t="s">
        <v>6</v>
      </c>
      <c r="C3" s="16" t="s">
        <v>10</v>
      </c>
      <c r="D3" s="18" t="s">
        <v>1</v>
      </c>
      <c r="E3" s="18" t="s">
        <v>1</v>
      </c>
      <c r="F3" s="18" t="s">
        <v>2</v>
      </c>
      <c r="G3" s="18" t="s">
        <v>2</v>
      </c>
      <c r="H3" s="18" t="s">
        <v>1</v>
      </c>
      <c r="I3" s="18" t="s">
        <v>1</v>
      </c>
      <c r="J3" s="18" t="s">
        <v>2</v>
      </c>
      <c r="K3" s="18" t="s">
        <v>2</v>
      </c>
      <c r="L3" s="18" t="s">
        <v>3</v>
      </c>
      <c r="M3" s="18" t="s">
        <v>3</v>
      </c>
      <c r="N3" s="15" t="s">
        <v>4</v>
      </c>
      <c r="O3" s="22" t="s">
        <v>22</v>
      </c>
      <c r="P3" s="15" t="s">
        <v>5</v>
      </c>
    </row>
    <row r="4" spans="1:16" ht="20.100000000000001" customHeight="1" x14ac:dyDescent="0.15">
      <c r="A4" s="14" t="s">
        <v>9</v>
      </c>
      <c r="B4" s="14" t="s">
        <v>6</v>
      </c>
      <c r="C4" s="17" t="s">
        <v>10</v>
      </c>
      <c r="D4" s="5" t="s">
        <v>19</v>
      </c>
      <c r="E4" s="5" t="s">
        <v>20</v>
      </c>
      <c r="F4" s="5" t="s">
        <v>19</v>
      </c>
      <c r="G4" s="5" t="s">
        <v>20</v>
      </c>
      <c r="H4" s="5" t="s">
        <v>19</v>
      </c>
      <c r="I4" s="5" t="s">
        <v>20</v>
      </c>
      <c r="J4" s="5" t="s">
        <v>19</v>
      </c>
      <c r="K4" s="5" t="s">
        <v>20</v>
      </c>
      <c r="L4" s="5" t="s">
        <v>19</v>
      </c>
      <c r="M4" s="5" t="s">
        <v>20</v>
      </c>
      <c r="N4" s="15" t="s">
        <v>4</v>
      </c>
      <c r="O4" s="22" t="s">
        <v>22</v>
      </c>
      <c r="P4" s="17" t="s">
        <v>5</v>
      </c>
    </row>
    <row r="5" spans="1:16" ht="24.95" customHeight="1" x14ac:dyDescent="0.15">
      <c r="A5" s="12" t="s">
        <v>7</v>
      </c>
      <c r="B5" s="6" t="s">
        <v>11</v>
      </c>
      <c r="C5" s="19">
        <v>10355.57</v>
      </c>
      <c r="D5" s="19">
        <v>6798.99</v>
      </c>
      <c r="E5" s="19">
        <v>1473153</v>
      </c>
      <c r="F5" s="7">
        <v>0</v>
      </c>
      <c r="G5" s="7">
        <v>0</v>
      </c>
      <c r="H5" s="7">
        <v>131.64000000000001</v>
      </c>
      <c r="I5" s="19">
        <v>20214</v>
      </c>
      <c r="J5" s="7">
        <v>0</v>
      </c>
      <c r="K5" s="7">
        <v>0</v>
      </c>
      <c r="L5" s="19">
        <v>3063.74</v>
      </c>
      <c r="M5" s="19">
        <v>374433</v>
      </c>
      <c r="N5" s="7">
        <v>0</v>
      </c>
      <c r="O5" s="7">
        <v>361.20000000000005</v>
      </c>
      <c r="P5" s="7">
        <v>361.20000000000005</v>
      </c>
    </row>
    <row r="6" spans="1:16" ht="24.95" customHeight="1" x14ac:dyDescent="0.15">
      <c r="A6" s="13" t="s">
        <v>7</v>
      </c>
      <c r="B6" s="6" t="s">
        <v>12</v>
      </c>
      <c r="C6" s="20">
        <v>734.4</v>
      </c>
      <c r="D6" s="20">
        <v>721.99</v>
      </c>
      <c r="E6" s="20">
        <v>130320</v>
      </c>
      <c r="F6" s="8">
        <v>0</v>
      </c>
      <c r="G6" s="8">
        <v>0</v>
      </c>
      <c r="H6" s="8">
        <v>0</v>
      </c>
      <c r="I6" s="8">
        <v>0</v>
      </c>
      <c r="J6" s="8">
        <v>0</v>
      </c>
      <c r="K6" s="8">
        <v>0</v>
      </c>
      <c r="L6" s="8">
        <v>0</v>
      </c>
      <c r="M6" s="8">
        <v>0</v>
      </c>
      <c r="N6" s="8">
        <v>0</v>
      </c>
      <c r="O6" s="8">
        <v>12.41</v>
      </c>
      <c r="P6" s="8">
        <v>12.41</v>
      </c>
    </row>
    <row r="7" spans="1:16" ht="24.95" customHeight="1" x14ac:dyDescent="0.15">
      <c r="A7" s="14" t="s">
        <v>7</v>
      </c>
      <c r="B7" s="9" t="s">
        <v>5</v>
      </c>
      <c r="C7" s="20">
        <v>11089.970000000001</v>
      </c>
      <c r="D7" s="20">
        <v>7520.98</v>
      </c>
      <c r="E7" s="20">
        <v>1603473</v>
      </c>
      <c r="F7" s="8">
        <v>0</v>
      </c>
      <c r="G7" s="8">
        <v>0</v>
      </c>
      <c r="H7" s="8">
        <v>131.64000000000001</v>
      </c>
      <c r="I7" s="20">
        <v>20214</v>
      </c>
      <c r="J7" s="8">
        <v>0</v>
      </c>
      <c r="K7" s="8">
        <v>0</v>
      </c>
      <c r="L7" s="20">
        <v>3063.74</v>
      </c>
      <c r="M7" s="20">
        <v>374433</v>
      </c>
      <c r="N7" s="8">
        <v>0</v>
      </c>
      <c r="O7" s="8">
        <v>373.61000000000007</v>
      </c>
      <c r="P7" s="8">
        <v>373.61000000000007</v>
      </c>
    </row>
    <row r="8" spans="1:16" ht="24.95" customHeight="1" x14ac:dyDescent="0.15">
      <c r="A8" s="12" t="s">
        <v>13</v>
      </c>
      <c r="B8" s="6" t="s">
        <v>11</v>
      </c>
      <c r="C8" s="19">
        <v>5958.86</v>
      </c>
      <c r="D8" s="19">
        <v>3298.8399999999997</v>
      </c>
      <c r="E8" s="19">
        <v>800969</v>
      </c>
      <c r="F8" s="7">
        <v>6.27</v>
      </c>
      <c r="G8" s="19">
        <v>2120</v>
      </c>
      <c r="H8" s="7">
        <v>87.36</v>
      </c>
      <c r="I8" s="19">
        <v>14066</v>
      </c>
      <c r="J8" s="7">
        <v>0</v>
      </c>
      <c r="K8" s="7">
        <v>0</v>
      </c>
      <c r="L8" s="19">
        <v>2327.64</v>
      </c>
      <c r="M8" s="19">
        <v>283832</v>
      </c>
      <c r="N8" s="7">
        <v>0</v>
      </c>
      <c r="O8" s="7">
        <v>238.75</v>
      </c>
      <c r="P8" s="7">
        <v>238.75</v>
      </c>
    </row>
    <row r="9" spans="1:16" ht="24.95" customHeight="1" x14ac:dyDescent="0.15">
      <c r="A9" s="13" t="s">
        <v>14</v>
      </c>
      <c r="B9" s="6" t="s">
        <v>12</v>
      </c>
      <c r="C9" s="20">
        <v>1916.3000000000002</v>
      </c>
      <c r="D9" s="20">
        <v>1835.5700000000002</v>
      </c>
      <c r="E9" s="20">
        <v>366320</v>
      </c>
      <c r="F9" s="8">
        <v>0</v>
      </c>
      <c r="G9" s="8">
        <v>0</v>
      </c>
      <c r="H9" s="8">
        <v>0</v>
      </c>
      <c r="I9" s="8">
        <v>0</v>
      </c>
      <c r="J9" s="8">
        <v>0</v>
      </c>
      <c r="K9" s="8">
        <v>0</v>
      </c>
      <c r="L9" s="8">
        <v>0</v>
      </c>
      <c r="M9" s="8">
        <v>0</v>
      </c>
      <c r="N9" s="8">
        <v>0</v>
      </c>
      <c r="O9" s="8">
        <v>80.72999999999999</v>
      </c>
      <c r="P9" s="8">
        <v>80.72999999999999</v>
      </c>
    </row>
    <row r="10" spans="1:16" ht="24.95" customHeight="1" x14ac:dyDescent="0.15">
      <c r="A10" s="14" t="s">
        <v>14</v>
      </c>
      <c r="B10" s="9" t="s">
        <v>5</v>
      </c>
      <c r="C10" s="20">
        <v>7875.16</v>
      </c>
      <c r="D10" s="20">
        <v>5134.41</v>
      </c>
      <c r="E10" s="20">
        <v>1167289</v>
      </c>
      <c r="F10" s="8">
        <v>6.27</v>
      </c>
      <c r="G10" s="20">
        <v>2120</v>
      </c>
      <c r="H10" s="8">
        <v>87.36</v>
      </c>
      <c r="I10" s="20">
        <v>14066</v>
      </c>
      <c r="J10" s="8">
        <v>0</v>
      </c>
      <c r="K10" s="8">
        <v>0</v>
      </c>
      <c r="L10" s="20">
        <v>2327.64</v>
      </c>
      <c r="M10" s="20">
        <v>283832</v>
      </c>
      <c r="N10" s="8">
        <v>0</v>
      </c>
      <c r="O10" s="8">
        <v>319.48</v>
      </c>
      <c r="P10" s="8">
        <v>319.48</v>
      </c>
    </row>
    <row r="11" spans="1:16" ht="24.95" customHeight="1" x14ac:dyDescent="0.15">
      <c r="A11" s="12" t="s">
        <v>15</v>
      </c>
      <c r="B11" s="6" t="s">
        <v>11</v>
      </c>
      <c r="C11" s="7">
        <v>0</v>
      </c>
      <c r="D11" s="7">
        <v>0</v>
      </c>
      <c r="E11" s="7">
        <v>0</v>
      </c>
      <c r="F11" s="7">
        <v>0</v>
      </c>
      <c r="G11" s="7">
        <v>0</v>
      </c>
      <c r="H11" s="7">
        <v>0</v>
      </c>
      <c r="I11" s="7">
        <v>0</v>
      </c>
      <c r="J11" s="7">
        <v>0</v>
      </c>
      <c r="K11" s="7">
        <v>0</v>
      </c>
      <c r="L11" s="7">
        <v>0</v>
      </c>
      <c r="M11" s="7">
        <v>0</v>
      </c>
      <c r="N11" s="7">
        <v>0</v>
      </c>
      <c r="O11" s="7">
        <v>0</v>
      </c>
      <c r="P11" s="7">
        <v>0</v>
      </c>
    </row>
    <row r="12" spans="1:16" ht="24.95" customHeight="1" x14ac:dyDescent="0.15">
      <c r="A12" s="13" t="s">
        <v>16</v>
      </c>
      <c r="B12" s="6" t="s">
        <v>12</v>
      </c>
      <c r="C12" s="20">
        <v>230.97</v>
      </c>
      <c r="D12" s="20">
        <v>221.22</v>
      </c>
      <c r="E12" s="20">
        <v>34555</v>
      </c>
      <c r="F12" s="8">
        <v>0</v>
      </c>
      <c r="G12" s="8">
        <v>0</v>
      </c>
      <c r="H12" s="8">
        <v>0</v>
      </c>
      <c r="I12" s="8">
        <v>0</v>
      </c>
      <c r="J12" s="8">
        <v>0</v>
      </c>
      <c r="K12" s="8">
        <v>0</v>
      </c>
      <c r="L12" s="8">
        <v>0</v>
      </c>
      <c r="M12" s="8">
        <v>0</v>
      </c>
      <c r="N12" s="8">
        <v>0</v>
      </c>
      <c r="O12" s="8">
        <v>9.75</v>
      </c>
      <c r="P12" s="8">
        <v>9.75</v>
      </c>
    </row>
    <row r="13" spans="1:16" ht="24.95" customHeight="1" x14ac:dyDescent="0.15">
      <c r="A13" s="14" t="s">
        <v>16</v>
      </c>
      <c r="B13" s="9" t="s">
        <v>5</v>
      </c>
      <c r="C13" s="20">
        <v>230.97</v>
      </c>
      <c r="D13" s="20">
        <v>221.22</v>
      </c>
      <c r="E13" s="20">
        <v>34555</v>
      </c>
      <c r="F13" s="8">
        <v>0</v>
      </c>
      <c r="G13" s="8">
        <v>0</v>
      </c>
      <c r="H13" s="8">
        <v>0</v>
      </c>
      <c r="I13" s="8">
        <v>0</v>
      </c>
      <c r="J13" s="8">
        <v>0</v>
      </c>
      <c r="K13" s="8">
        <v>0</v>
      </c>
      <c r="L13" s="8">
        <v>0</v>
      </c>
      <c r="M13" s="8">
        <v>0</v>
      </c>
      <c r="N13" s="8">
        <v>0</v>
      </c>
      <c r="O13" s="8">
        <v>9.75</v>
      </c>
      <c r="P13" s="8">
        <v>9.75</v>
      </c>
    </row>
    <row r="14" spans="1:16" ht="24.95" customHeight="1" x14ac:dyDescent="0.15">
      <c r="A14" s="12" t="s">
        <v>17</v>
      </c>
      <c r="B14" s="6" t="s">
        <v>11</v>
      </c>
      <c r="C14" s="19">
        <v>12607.189999999999</v>
      </c>
      <c r="D14" s="19">
        <v>7229.7000000000007</v>
      </c>
      <c r="E14" s="19">
        <v>1873716</v>
      </c>
      <c r="F14" s="7">
        <v>0</v>
      </c>
      <c r="G14" s="7">
        <v>0</v>
      </c>
      <c r="H14" s="7">
        <v>441.95000000000005</v>
      </c>
      <c r="I14" s="19">
        <v>96924</v>
      </c>
      <c r="J14" s="7">
        <v>0</v>
      </c>
      <c r="K14" s="7">
        <v>0</v>
      </c>
      <c r="L14" s="19">
        <v>4683.24</v>
      </c>
      <c r="M14" s="19">
        <v>743956</v>
      </c>
      <c r="N14" s="7">
        <v>2.36</v>
      </c>
      <c r="O14" s="7">
        <v>249.94</v>
      </c>
      <c r="P14" s="7">
        <v>252.3</v>
      </c>
    </row>
    <row r="15" spans="1:16" ht="24.95" customHeight="1" x14ac:dyDescent="0.15">
      <c r="A15" s="13" t="s">
        <v>17</v>
      </c>
      <c r="B15" s="6" t="s">
        <v>12</v>
      </c>
      <c r="C15" s="20">
        <v>436.53</v>
      </c>
      <c r="D15" s="20">
        <v>416.33</v>
      </c>
      <c r="E15" s="20">
        <v>82457</v>
      </c>
      <c r="F15" s="8">
        <v>0</v>
      </c>
      <c r="G15" s="8">
        <v>0</v>
      </c>
      <c r="H15" s="8">
        <v>0</v>
      </c>
      <c r="I15" s="8">
        <v>0</v>
      </c>
      <c r="J15" s="8">
        <v>0</v>
      </c>
      <c r="K15" s="8">
        <v>0</v>
      </c>
      <c r="L15" s="8">
        <v>0</v>
      </c>
      <c r="M15" s="8">
        <v>0</v>
      </c>
      <c r="N15" s="8">
        <v>0</v>
      </c>
      <c r="O15" s="8">
        <v>20.2</v>
      </c>
      <c r="P15" s="8">
        <v>20.2</v>
      </c>
    </row>
    <row r="16" spans="1:16" ht="24.95" customHeight="1" x14ac:dyDescent="0.15">
      <c r="A16" s="14" t="s">
        <v>17</v>
      </c>
      <c r="B16" s="9" t="s">
        <v>5</v>
      </c>
      <c r="C16" s="20">
        <v>13043.720000000001</v>
      </c>
      <c r="D16" s="20">
        <v>7646.0300000000007</v>
      </c>
      <c r="E16" s="20">
        <v>1956173</v>
      </c>
      <c r="F16" s="8">
        <v>0</v>
      </c>
      <c r="G16" s="8">
        <v>0</v>
      </c>
      <c r="H16" s="8">
        <v>441.95000000000005</v>
      </c>
      <c r="I16" s="20">
        <v>96924</v>
      </c>
      <c r="J16" s="8">
        <v>0</v>
      </c>
      <c r="K16" s="8">
        <v>0</v>
      </c>
      <c r="L16" s="20">
        <v>4683.24</v>
      </c>
      <c r="M16" s="20">
        <v>743956</v>
      </c>
      <c r="N16" s="8">
        <v>2.36</v>
      </c>
      <c r="O16" s="8">
        <v>270.14</v>
      </c>
      <c r="P16" s="8">
        <v>272.5</v>
      </c>
    </row>
    <row r="17" spans="1:16" ht="24.95" customHeight="1" x14ac:dyDescent="0.15">
      <c r="A17" s="23" t="s">
        <v>8</v>
      </c>
      <c r="B17" s="6" t="s">
        <v>11</v>
      </c>
      <c r="C17" s="19">
        <v>28921.62</v>
      </c>
      <c r="D17" s="19">
        <v>17327.53</v>
      </c>
      <c r="E17" s="19">
        <v>4147838</v>
      </c>
      <c r="F17" s="7">
        <v>6.27</v>
      </c>
      <c r="G17" s="19">
        <v>2120</v>
      </c>
      <c r="H17" s="7">
        <v>660.95</v>
      </c>
      <c r="I17" s="19">
        <v>131204</v>
      </c>
      <c r="J17" s="7">
        <v>0</v>
      </c>
      <c r="K17" s="7">
        <v>0</v>
      </c>
      <c r="L17" s="19">
        <v>10074.619999999999</v>
      </c>
      <c r="M17" s="19">
        <v>1402221</v>
      </c>
      <c r="N17" s="7">
        <v>2.36</v>
      </c>
      <c r="O17" s="7">
        <v>849.8900000000001</v>
      </c>
      <c r="P17" s="7">
        <v>852.25000000000011</v>
      </c>
    </row>
    <row r="18" spans="1:16" ht="24.95" customHeight="1" x14ac:dyDescent="0.15">
      <c r="A18" s="24"/>
      <c r="B18" s="6" t="s">
        <v>12</v>
      </c>
      <c r="C18" s="20">
        <v>3318.2000000000003</v>
      </c>
      <c r="D18" s="20">
        <v>3195.11</v>
      </c>
      <c r="E18" s="20">
        <v>613652</v>
      </c>
      <c r="F18" s="8">
        <v>0</v>
      </c>
      <c r="G18" s="8">
        <v>0</v>
      </c>
      <c r="H18" s="8">
        <v>0</v>
      </c>
      <c r="I18" s="8">
        <v>0</v>
      </c>
      <c r="J18" s="8">
        <v>0</v>
      </c>
      <c r="K18" s="8">
        <v>0</v>
      </c>
      <c r="L18" s="8">
        <v>0</v>
      </c>
      <c r="M18" s="8">
        <v>0</v>
      </c>
      <c r="N18" s="8">
        <v>0</v>
      </c>
      <c r="O18" s="8">
        <v>123.08999999999999</v>
      </c>
      <c r="P18" s="8">
        <v>123.08999999999999</v>
      </c>
    </row>
    <row r="19" spans="1:16" ht="24.95" customHeight="1" x14ac:dyDescent="0.15">
      <c r="A19" s="25"/>
      <c r="B19" s="9" t="s">
        <v>5</v>
      </c>
      <c r="C19" s="21">
        <v>32239.82</v>
      </c>
      <c r="D19" s="21">
        <v>20522.64</v>
      </c>
      <c r="E19" s="21">
        <v>4761490</v>
      </c>
      <c r="F19" s="10">
        <v>6.27</v>
      </c>
      <c r="G19" s="21">
        <v>2120</v>
      </c>
      <c r="H19" s="10">
        <v>660.95</v>
      </c>
      <c r="I19" s="21">
        <v>131204</v>
      </c>
      <c r="J19" s="10">
        <v>0</v>
      </c>
      <c r="K19" s="10">
        <v>0</v>
      </c>
      <c r="L19" s="21">
        <v>10074.619999999999</v>
      </c>
      <c r="M19" s="21">
        <v>1402221</v>
      </c>
      <c r="N19" s="10">
        <v>2.36</v>
      </c>
      <c r="O19" s="10">
        <v>972.98000000000013</v>
      </c>
      <c r="P19" s="10">
        <v>975.34000000000015</v>
      </c>
    </row>
    <row r="20" spans="1:16" ht="24.95" customHeight="1" x14ac:dyDescent="0.15"/>
    <row r="21" spans="1:16" ht="24.95" customHeight="1" x14ac:dyDescent="0.15"/>
    <row r="22" spans="1:16" ht="24.95" customHeight="1" x14ac:dyDescent="0.15"/>
    <row r="23" spans="1:16" ht="24.95" customHeight="1" x14ac:dyDescent="0.15"/>
    <row r="24" spans="1:16" ht="24.95" customHeight="1" x14ac:dyDescent="0.15"/>
    <row r="25" spans="1:16" ht="24.95" customHeight="1" x14ac:dyDescent="0.15"/>
    <row r="26" spans="1:16" ht="24.95" customHeight="1" x14ac:dyDescent="0.15"/>
    <row r="27" spans="1:16" ht="24.95" customHeight="1" x14ac:dyDescent="0.15"/>
    <row r="28" spans="1:16" ht="24.95" customHeight="1" x14ac:dyDescent="0.15"/>
    <row r="29" spans="1:16" ht="24.95" customHeight="1" x14ac:dyDescent="0.15"/>
    <row r="30" spans="1:16" ht="24.95" customHeight="1" x14ac:dyDescent="0.15"/>
    <row r="31" spans="1:16" ht="24.95" customHeight="1" x14ac:dyDescent="0.15"/>
    <row r="32" spans="1:16" ht="24.95" customHeight="1" x14ac:dyDescent="0.15"/>
    <row r="33" ht="24.95" customHeight="1" x14ac:dyDescent="0.15"/>
    <row r="34" ht="24.95" customHeight="1" x14ac:dyDescent="0.15"/>
    <row r="35" ht="24.95" customHeight="1" x14ac:dyDescent="0.15"/>
    <row r="36" ht="24.95" customHeight="1" x14ac:dyDescent="0.15"/>
    <row r="37" ht="24.95" customHeight="1" x14ac:dyDescent="0.15"/>
    <row r="38" ht="24.95" customHeight="1" x14ac:dyDescent="0.15"/>
    <row r="39" ht="24.95" customHeight="1" x14ac:dyDescent="0.15"/>
    <row r="40" ht="24.95" customHeight="1" x14ac:dyDescent="0.15"/>
    <row r="41" ht="24.95" customHeight="1" x14ac:dyDescent="0.15"/>
    <row r="42" ht="24.95" customHeight="1" x14ac:dyDescent="0.15"/>
  </sheetData>
  <mergeCells count="1">
    <mergeCell ref="A17:A19"/>
  </mergeCells>
  <phoneticPr fontId="2"/>
  <pageMargins left="0.74803149606299213" right="0.78740157480314965" top="1.1811023622047245" bottom="0.39370078740157483" header="0.62992125984251968" footer="0.51181102362204722"/>
  <pageSetup paperSize="9" pageOrder="overThenDown" orientation="portrait" r:id="rId1"/>
  <headerFooter differentFirst="1" scaleWithDoc="0" alignWithMargins="0">
    <oddHeader xml:space="preserve">&amp;L　
</oddHeader>
    <firstHeader xml:space="preserve">&amp;L&amp;"ＭＳ 明朝,標準"&amp;18 5. 国有林現況表&amp;"ＭＳ Ｐゴシック,標準"&amp;11
&amp;"ＭＳ 明朝,標準"&amp;22　&amp;12　(1) 森林計画区別&amp;"ＭＳ Ｐゴシック,標準"&amp;11
</firstHeader>
  </headerFooter>
  <colBreaks count="1" manualBreakCount="1">
    <brk id="8" max="21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(1)</vt:lpstr>
      <vt:lpstr>'5(1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林業管理課</dc:creator>
  <cp:lastModifiedBy>Windows ユーザー</cp:lastModifiedBy>
  <cp:lastPrinted>2018-09-14T02:20:56Z</cp:lastPrinted>
  <dcterms:created xsi:type="dcterms:W3CDTF">2002-11-14T10:10:20Z</dcterms:created>
  <dcterms:modified xsi:type="dcterms:W3CDTF">2019-08-28T00:50:41Z</dcterms:modified>
</cp:coreProperties>
</file>